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127"/>
  <workbookPr filterPrivacy="1"/>
  <xr:revisionPtr revIDLastSave="0" documentId="8_{6AE50BB0-BB78-4E33-9E49-788FD2416D64}" xr6:coauthVersionLast="47" xr6:coauthVersionMax="47" xr10:uidLastSave="{00000000-0000-0000-0000-000000000000}"/>
  <bookViews>
    <workbookView xWindow="-98" yWindow="-98" windowWidth="19396" windowHeight="11475" xr2:uid="{C431CBBC-0128-4AA8-ACAB-0A63DCA1CE4E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sharedStrings.xml><?xml version="1.0" encoding="utf-8"?>
<sst xmlns="http://schemas.openxmlformats.org/spreadsheetml/2006/main" count="115" uniqueCount="92">
  <si>
    <t>MARATHON</t>
  </si>
  <si>
    <t>Ultra</t>
  </si>
  <si>
    <t>Løb nr.</t>
  </si>
  <si>
    <t>Dato</t>
  </si>
  <si>
    <t>Løb</t>
  </si>
  <si>
    <t>Tid</t>
  </si>
  <si>
    <t>Km</t>
  </si>
  <si>
    <t>Ø-marathon Amager</t>
  </si>
  <si>
    <t xml:space="preserve">Ringkøbing fjord </t>
  </si>
  <si>
    <t>100 km</t>
  </si>
  <si>
    <t>Thy Nordvestenvind</t>
  </si>
  <si>
    <t xml:space="preserve">coast2coast </t>
  </si>
  <si>
    <t>62 km</t>
  </si>
  <si>
    <t>KBH Marathon</t>
  </si>
  <si>
    <t>Skagen Marathon</t>
  </si>
  <si>
    <t xml:space="preserve">Armaminoen </t>
  </si>
  <si>
    <t>54 km</t>
  </si>
  <si>
    <t xml:space="preserve">Sæby 24T </t>
  </si>
  <si>
    <t>156 km</t>
  </si>
  <si>
    <t>Vester Hassing</t>
  </si>
  <si>
    <t>Nordjysk Mrathon</t>
  </si>
  <si>
    <t>Trail</t>
  </si>
  <si>
    <t>Brutal marathon Aalborg</t>
  </si>
  <si>
    <t>Træstamme marathon</t>
  </si>
  <si>
    <t>Hammertrail Bornholm</t>
  </si>
  <si>
    <t>21,1 km</t>
  </si>
  <si>
    <t>Strandby sommerløb</t>
  </si>
  <si>
    <t xml:space="preserve">Roskilde Fjord </t>
  </si>
  <si>
    <t>Aalborg Marathon</t>
  </si>
  <si>
    <t>Vester Hornum</t>
  </si>
  <si>
    <t>Aalborg oplevelsesmarathon</t>
  </si>
  <si>
    <t>Papegøjeløbet Sorø</t>
  </si>
  <si>
    <t>Alle har Rett Marathon</t>
  </si>
  <si>
    <t>Limfjordsløbet Aalborg </t>
  </si>
  <si>
    <t>Hvalsø cannonball trail maraton </t>
  </si>
  <si>
    <t>Kokkedal fyraften Marathon</t>
  </si>
  <si>
    <t xml:space="preserve">Hillerød runden sh </t>
  </si>
  <si>
    <t xml:space="preserve">Ishøj pop-up </t>
  </si>
  <si>
    <t xml:space="preserve">Korsbæk </t>
  </si>
  <si>
    <t xml:space="preserve"> Pop up Gribskov </t>
  </si>
  <si>
    <t>LNBK Damhussøen Efterårsmarathon</t>
  </si>
  <si>
    <t xml:space="preserve">Halloween Kokkedal </t>
  </si>
  <si>
    <t xml:space="preserve">Vallensbæk </t>
  </si>
  <si>
    <t>Moffes Marathon  </t>
  </si>
  <si>
    <t xml:space="preserve">fredskov Marathon </t>
  </si>
  <si>
    <t xml:space="preserve">Vallensbæk Marathon </t>
  </si>
  <si>
    <t xml:space="preserve">Kokkedal julemarathon </t>
  </si>
  <si>
    <t xml:space="preserve">Roskilde cannonball </t>
  </si>
  <si>
    <t xml:space="preserve">Fredskov Marathon </t>
  </si>
  <si>
    <t xml:space="preserve">Kokkedal juleløb </t>
  </si>
  <si>
    <t xml:space="preserve">Ø-Marathon juleløb </t>
  </si>
  <si>
    <t xml:space="preserve">Papegøjeløb </t>
  </si>
  <si>
    <t xml:space="preserve">Hundested Marathon </t>
  </si>
  <si>
    <t>Jes´kommune #98, Gentofte</t>
  </si>
  <si>
    <t xml:space="preserve">PE nytårsløb </t>
  </si>
  <si>
    <t xml:space="preserve">Vestvoldsmarathon </t>
  </si>
  <si>
    <t xml:space="preserve">Kongsholm Cannonball </t>
  </si>
  <si>
    <t>PE Marathon #55 Warny jubilæum</t>
  </si>
  <si>
    <t>PE Marathon #56</t>
  </si>
  <si>
    <t>Vallensbæk</t>
  </si>
  <si>
    <t xml:space="preserve">LNBK Borup </t>
  </si>
  <si>
    <t>Ø- marathon Sydhavn</t>
  </si>
  <si>
    <t>PE Marathon #57</t>
  </si>
  <si>
    <t>LNBK - Gladsaxe</t>
  </si>
  <si>
    <t>Vintergæk I Herstedøster</t>
  </si>
  <si>
    <t>Pop up Glostrup</t>
  </si>
  <si>
    <t>Ø-marathon - vi løber på stranden</t>
  </si>
  <si>
    <t>PE marathon #59</t>
  </si>
  <si>
    <t>KO Cannonball - i Roskilde - Lars Magnussen #200</t>
  </si>
  <si>
    <t>Kommuneløb øst Frederikssund</t>
  </si>
  <si>
    <t>LNBK Utterslev Mose</t>
  </si>
  <si>
    <t>Pop up Solrød</t>
  </si>
  <si>
    <t>Vallensbæk (Ole jubilæum)</t>
  </si>
  <si>
    <t>CPH marathon</t>
  </si>
  <si>
    <t>NSEJ</t>
  </si>
  <si>
    <t>Ø-marathon se stranden vågne</t>
  </si>
  <si>
    <t>Pinseløb Valby Fredskov</t>
  </si>
  <si>
    <t>Sæby 24 timer 12:00</t>
  </si>
  <si>
    <t>Sæby 24 timer 20:00</t>
  </si>
  <si>
    <t>Sæby 24 timer 06:00</t>
  </si>
  <si>
    <t>Flådeegene Torbens nr 200</t>
  </si>
  <si>
    <t xml:space="preserve">LNBK Kystagerparken </t>
  </si>
  <si>
    <t>Pop up Albertslund</t>
  </si>
  <si>
    <t>Succes Marathon Næstved</t>
  </si>
  <si>
    <t>CPH Coast Run - Junglerun</t>
  </si>
  <si>
    <t>LNBK Damhussøen</t>
  </si>
  <si>
    <t>Ø-marathon</t>
  </si>
  <si>
    <t>Skinner marathon</t>
  </si>
  <si>
    <t>Regionsløb Gentofte</t>
  </si>
  <si>
    <t>100 km (103 km)</t>
  </si>
  <si>
    <t>30-31/6/2025</t>
  </si>
  <si>
    <t>50 miles (81 km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9" x14ac:knownFonts="1"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  <font>
      <b/>
      <sz val="14"/>
      <color theme="1"/>
      <name val="Aptos"/>
      <family val="2"/>
    </font>
    <font>
      <b/>
      <sz val="14"/>
      <color rgb="FF000000"/>
      <name val="Aptos"/>
      <family val="2"/>
    </font>
    <font>
      <b/>
      <sz val="11"/>
      <color rgb="FF000000"/>
      <name val="Calibri"/>
      <family val="2"/>
      <scheme val="minor"/>
    </font>
    <font>
      <sz val="11"/>
      <color rgb="FF000000"/>
      <name val="Calibri"/>
      <family val="2"/>
      <scheme val="minor"/>
    </font>
    <font>
      <sz val="12"/>
      <color rgb="FF000000"/>
      <name val="Aptos"/>
      <family val="2"/>
    </font>
    <font>
      <b/>
      <sz val="12"/>
      <color rgb="FF000000"/>
      <name val="Aptos"/>
      <family val="2"/>
    </font>
    <font>
      <sz val="11"/>
      <color rgb="FF1F1F1F"/>
      <name val="Calibri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0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34">
    <xf numFmtId="0" fontId="0" fillId="0" borderId="0" xfId="0"/>
    <xf numFmtId="0" fontId="0" fillId="0" borderId="0" xfId="0" applyAlignment="1">
      <alignment horizontal="center"/>
    </xf>
    <xf numFmtId="0" fontId="2" fillId="0" borderId="0" xfId="0" applyFont="1" applyAlignment="1">
      <alignment horizontal="center"/>
    </xf>
    <xf numFmtId="0" fontId="3" fillId="0" borderId="0" xfId="0" applyFont="1" applyAlignment="1">
      <alignment vertical="center"/>
    </xf>
    <xf numFmtId="0" fontId="1" fillId="0" borderId="1" xfId="0" applyFont="1" applyBorder="1"/>
    <xf numFmtId="0" fontId="4" fillId="0" borderId="1" xfId="0" applyFont="1" applyBorder="1" applyAlignment="1">
      <alignment horizontal="left" vertical="center"/>
    </xf>
    <xf numFmtId="0" fontId="1" fillId="0" borderId="1" xfId="0" applyFont="1" applyBorder="1" applyAlignment="1">
      <alignment horizontal="left"/>
    </xf>
    <xf numFmtId="0" fontId="0" fillId="0" borderId="1" xfId="0" applyBorder="1" applyAlignment="1">
      <alignment horizontal="left"/>
    </xf>
    <xf numFmtId="14" fontId="0" fillId="0" borderId="1" xfId="0" applyNumberFormat="1" applyBorder="1"/>
    <xf numFmtId="0" fontId="0" fillId="0" borderId="1" xfId="0" applyBorder="1"/>
    <xf numFmtId="21" fontId="0" fillId="0" borderId="1" xfId="0" applyNumberFormat="1" applyBorder="1"/>
    <xf numFmtId="0" fontId="5" fillId="0" borderId="1" xfId="0" applyFont="1" applyBorder="1" applyAlignment="1">
      <alignment horizontal="left" vertical="center"/>
    </xf>
    <xf numFmtId="14" fontId="5" fillId="0" borderId="1" xfId="0" applyNumberFormat="1" applyFont="1" applyBorder="1" applyAlignment="1">
      <alignment horizontal="left" vertical="center"/>
    </xf>
    <xf numFmtId="0" fontId="6" fillId="0" borderId="0" xfId="0" applyFont="1" applyAlignment="1">
      <alignment vertical="center"/>
    </xf>
    <xf numFmtId="0" fontId="7" fillId="0" borderId="0" xfId="0" applyFont="1" applyAlignment="1">
      <alignment vertical="center"/>
    </xf>
    <xf numFmtId="0" fontId="8" fillId="0" borderId="0" xfId="0" applyFont="1"/>
    <xf numFmtId="14" fontId="0" fillId="2" borderId="0" xfId="0" applyNumberFormat="1" applyFill="1"/>
    <xf numFmtId="0" fontId="0" fillId="2" borderId="0" xfId="0" applyFill="1" applyAlignment="1">
      <alignment horizontal="left"/>
    </xf>
    <xf numFmtId="0" fontId="0" fillId="2" borderId="0" xfId="0" applyFill="1"/>
    <xf numFmtId="21" fontId="0" fillId="2" borderId="0" xfId="0" applyNumberFormat="1" applyFill="1"/>
    <xf numFmtId="21" fontId="6" fillId="0" borderId="0" xfId="0" applyNumberFormat="1" applyFont="1" applyAlignment="1">
      <alignment vertical="center"/>
    </xf>
    <xf numFmtId="0" fontId="0" fillId="0" borderId="1" xfId="0" applyFont="1" applyBorder="1" applyAlignment="1">
      <alignment horizontal="left"/>
    </xf>
    <xf numFmtId="14" fontId="0" fillId="0" borderId="1" xfId="0" applyNumberFormat="1" applyFont="1" applyBorder="1"/>
    <xf numFmtId="0" fontId="0" fillId="0" borderId="1" xfId="0" applyFont="1" applyBorder="1"/>
    <xf numFmtId="21" fontId="0" fillId="0" borderId="1" xfId="0" applyNumberFormat="1" applyFont="1" applyBorder="1"/>
    <xf numFmtId="0" fontId="0" fillId="2" borderId="1" xfId="0" applyFont="1" applyFill="1" applyBorder="1" applyAlignment="1">
      <alignment horizontal="left"/>
    </xf>
    <xf numFmtId="14" fontId="0" fillId="2" borderId="1" xfId="0" applyNumberFormat="1" applyFont="1" applyFill="1" applyBorder="1"/>
    <xf numFmtId="0" fontId="0" fillId="2" borderId="1" xfId="0" applyFont="1" applyFill="1" applyBorder="1"/>
    <xf numFmtId="21" fontId="0" fillId="2" borderId="1" xfId="0" applyNumberFormat="1" applyFont="1" applyFill="1" applyBorder="1"/>
    <xf numFmtId="21" fontId="5" fillId="0" borderId="1" xfId="0" applyNumberFormat="1" applyFont="1" applyBorder="1" applyAlignment="1">
      <alignment vertical="center"/>
    </xf>
    <xf numFmtId="0" fontId="0" fillId="0" borderId="0" xfId="0" applyFont="1" applyAlignment="1">
      <alignment horizontal="left"/>
    </xf>
    <xf numFmtId="14" fontId="0" fillId="2" borderId="0" xfId="0" applyNumberFormat="1" applyFont="1" applyFill="1"/>
    <xf numFmtId="21" fontId="0" fillId="0" borderId="1" xfId="0" applyNumberFormat="1" applyBorder="1" applyAlignment="1">
      <alignment horizontal="left"/>
    </xf>
    <xf numFmtId="46" fontId="0" fillId="0" borderId="1" xfId="0" applyNumberFormat="1" applyBorder="1" applyAlignment="1">
      <alignment horizontal="left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2013 - 2022 Theme">
  <a:themeElements>
    <a:clrScheme name="Falck">
      <a:dk1>
        <a:srgbClr val="000000"/>
      </a:dk1>
      <a:lt1>
        <a:srgbClr val="FFFFFF"/>
      </a:lt1>
      <a:dk2>
        <a:srgbClr val="FF1E28"/>
      </a:dk2>
      <a:lt2>
        <a:srgbClr val="425565"/>
      </a:lt2>
      <a:accent1>
        <a:srgbClr val="1B2045"/>
      </a:accent1>
      <a:accent2>
        <a:srgbClr val="E9E9E9"/>
      </a:accent2>
      <a:accent3>
        <a:srgbClr val="2949FA"/>
      </a:accent3>
      <a:accent4>
        <a:srgbClr val="94A4FD"/>
      </a:accent4>
      <a:accent5>
        <a:srgbClr val="66182A"/>
      </a:accent5>
      <a:accent6>
        <a:srgbClr val="BCA5AB"/>
      </a:accent6>
      <a:hlink>
        <a:srgbClr val="0000FF"/>
      </a:hlink>
      <a:folHlink>
        <a:srgbClr val="66182A"/>
      </a:folHlink>
    </a:clrScheme>
    <a:fontScheme name="Office 2013 - 2022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 2013 - 2022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2013 - 2022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073F6B8-64E1-423D-A17E-2AE702EFBEC3}">
  <dimension ref="A1:J87"/>
  <sheetViews>
    <sheetView tabSelected="1" topLeftCell="C1" workbookViewId="0">
      <selection activeCell="F19" sqref="F19"/>
    </sheetView>
  </sheetViews>
  <sheetFormatPr defaultRowHeight="14.25" x14ac:dyDescent="0.45"/>
  <cols>
    <col min="2" max="2" width="14.3984375" customWidth="1"/>
    <col min="3" max="3" width="40.86328125" customWidth="1"/>
    <col min="4" max="4" width="9.265625" bestFit="1" customWidth="1"/>
    <col min="7" max="7" width="12.06640625" customWidth="1"/>
    <col min="8" max="8" width="19.46484375" customWidth="1"/>
    <col min="9" max="9" width="15.265625" customWidth="1"/>
  </cols>
  <sheetData>
    <row r="1" spans="1:10" x14ac:dyDescent="0.45">
      <c r="A1" s="1"/>
      <c r="B1" s="1"/>
      <c r="C1" s="1"/>
      <c r="D1" s="1"/>
    </row>
    <row r="2" spans="1:10" ht="18" x14ac:dyDescent="0.55000000000000004">
      <c r="A2" s="2" t="s">
        <v>0</v>
      </c>
      <c r="B2" s="2"/>
      <c r="C2" s="2"/>
      <c r="D2" s="2"/>
      <c r="F2" s="3" t="s">
        <v>1</v>
      </c>
    </row>
    <row r="3" spans="1:10" x14ac:dyDescent="0.45">
      <c r="A3" s="4" t="s">
        <v>2</v>
      </c>
      <c r="B3" s="4" t="s">
        <v>3</v>
      </c>
      <c r="C3" s="4" t="s">
        <v>4</v>
      </c>
      <c r="D3" s="4" t="s">
        <v>5</v>
      </c>
      <c r="F3" s="5" t="s">
        <v>2</v>
      </c>
      <c r="G3" s="5" t="s">
        <v>3</v>
      </c>
      <c r="H3" s="6" t="s">
        <v>4</v>
      </c>
      <c r="I3" s="6" t="s">
        <v>6</v>
      </c>
      <c r="J3" s="6" t="s">
        <v>5</v>
      </c>
    </row>
    <row r="4" spans="1:10" x14ac:dyDescent="0.45">
      <c r="A4" s="21">
        <v>1</v>
      </c>
      <c r="B4" s="22">
        <v>45024</v>
      </c>
      <c r="C4" s="23" t="s">
        <v>7</v>
      </c>
      <c r="D4" s="24">
        <v>0.16098379629629631</v>
      </c>
      <c r="F4" s="11">
        <v>1</v>
      </c>
      <c r="G4" s="12">
        <v>45464</v>
      </c>
      <c r="H4" s="7" t="s">
        <v>11</v>
      </c>
      <c r="I4" s="7" t="s">
        <v>12</v>
      </c>
      <c r="J4" s="32">
        <v>0.28395833333333331</v>
      </c>
    </row>
    <row r="5" spans="1:10" x14ac:dyDescent="0.45">
      <c r="A5" s="21">
        <v>2</v>
      </c>
      <c r="B5" s="22">
        <v>45046</v>
      </c>
      <c r="C5" s="23" t="s">
        <v>10</v>
      </c>
      <c r="D5" s="24">
        <v>0.15802083333333333</v>
      </c>
      <c r="F5" s="11">
        <v>2</v>
      </c>
      <c r="G5" s="12">
        <v>45528</v>
      </c>
      <c r="H5" s="7" t="s">
        <v>8</v>
      </c>
      <c r="I5" s="7" t="s">
        <v>9</v>
      </c>
      <c r="J5" s="32">
        <v>0.44815972222222222</v>
      </c>
    </row>
    <row r="6" spans="1:10" x14ac:dyDescent="0.45">
      <c r="A6" s="21">
        <v>3</v>
      </c>
      <c r="B6" s="22">
        <v>45790</v>
      </c>
      <c r="C6" s="23" t="s">
        <v>13</v>
      </c>
      <c r="D6" s="24">
        <v>0.19590277777777779</v>
      </c>
      <c r="F6" s="11">
        <v>3</v>
      </c>
      <c r="G6" s="12">
        <v>45564</v>
      </c>
      <c r="H6" s="7" t="s">
        <v>15</v>
      </c>
      <c r="I6" s="7" t="s">
        <v>16</v>
      </c>
      <c r="J6" s="32">
        <v>0.22574074074074074</v>
      </c>
    </row>
    <row r="7" spans="1:10" x14ac:dyDescent="0.45">
      <c r="A7" s="21">
        <v>4</v>
      </c>
      <c r="B7" s="22">
        <v>45206</v>
      </c>
      <c r="C7" s="23" t="s">
        <v>14</v>
      </c>
      <c r="D7" s="24">
        <v>0.14848379629629629</v>
      </c>
      <c r="F7" s="11">
        <v>4</v>
      </c>
      <c r="G7" s="12">
        <v>45668</v>
      </c>
      <c r="H7" s="7" t="s">
        <v>8</v>
      </c>
      <c r="I7" s="7" t="s">
        <v>89</v>
      </c>
      <c r="J7" s="32">
        <v>0.47221064814814817</v>
      </c>
    </row>
    <row r="8" spans="1:10" x14ac:dyDescent="0.45">
      <c r="A8" s="21">
        <v>5</v>
      </c>
      <c r="B8" s="22">
        <v>45283</v>
      </c>
      <c r="C8" s="23" t="s">
        <v>7</v>
      </c>
      <c r="D8" s="24">
        <v>0.1789699074074074</v>
      </c>
      <c r="F8" s="11">
        <v>5</v>
      </c>
      <c r="G8" s="11" t="s">
        <v>90</v>
      </c>
      <c r="H8" s="7" t="s">
        <v>17</v>
      </c>
      <c r="I8" s="7" t="s">
        <v>18</v>
      </c>
      <c r="J8" s="33">
        <v>1</v>
      </c>
    </row>
    <row r="9" spans="1:10" ht="15.75" x14ac:dyDescent="0.45">
      <c r="A9" s="25">
        <v>6</v>
      </c>
      <c r="B9" s="26">
        <v>45289</v>
      </c>
      <c r="C9" s="27" t="s">
        <v>19</v>
      </c>
      <c r="D9" s="28">
        <v>0.18289351851851851</v>
      </c>
      <c r="F9" s="13"/>
    </row>
    <row r="10" spans="1:10" ht="15.75" x14ac:dyDescent="0.45">
      <c r="A10" s="21">
        <v>7</v>
      </c>
      <c r="B10" s="22">
        <v>45360</v>
      </c>
      <c r="C10" s="23" t="s">
        <v>20</v>
      </c>
      <c r="D10" s="24">
        <v>0.15047453703703703</v>
      </c>
      <c r="F10" s="14" t="s">
        <v>21</v>
      </c>
    </row>
    <row r="11" spans="1:10" x14ac:dyDescent="0.45">
      <c r="A11" s="21">
        <v>8</v>
      </c>
      <c r="B11" s="22">
        <v>45380</v>
      </c>
      <c r="C11" s="23" t="s">
        <v>22</v>
      </c>
      <c r="D11" s="24">
        <v>0.16275462962962964</v>
      </c>
      <c r="F11" s="5" t="s">
        <v>2</v>
      </c>
      <c r="G11" s="5" t="s">
        <v>3</v>
      </c>
      <c r="H11" s="6" t="s">
        <v>4</v>
      </c>
      <c r="I11" s="6" t="s">
        <v>6</v>
      </c>
      <c r="J11" s="6" t="s">
        <v>5</v>
      </c>
    </row>
    <row r="12" spans="1:10" x14ac:dyDescent="0.45">
      <c r="A12" s="21">
        <v>9</v>
      </c>
      <c r="B12" s="22">
        <v>45501</v>
      </c>
      <c r="C12" s="23" t="s">
        <v>23</v>
      </c>
      <c r="D12" s="24">
        <v>0.17116898148148149</v>
      </c>
      <c r="F12" s="7">
        <v>1</v>
      </c>
      <c r="G12" s="8">
        <v>45318</v>
      </c>
      <c r="H12" s="9" t="s">
        <v>24</v>
      </c>
      <c r="I12" s="9" t="s">
        <v>25</v>
      </c>
      <c r="J12" s="10">
        <v>0.13342592592592592</v>
      </c>
    </row>
    <row r="13" spans="1:10" x14ac:dyDescent="0.45">
      <c r="A13" s="21">
        <v>10</v>
      </c>
      <c r="B13" s="22">
        <v>45515</v>
      </c>
      <c r="C13" s="23" t="s">
        <v>26</v>
      </c>
      <c r="D13" s="24">
        <v>0.16679398148148147</v>
      </c>
      <c r="F13" s="7">
        <v>2</v>
      </c>
      <c r="G13" s="8">
        <v>45724</v>
      </c>
      <c r="H13" s="9" t="s">
        <v>27</v>
      </c>
      <c r="I13" s="9" t="s">
        <v>91</v>
      </c>
      <c r="J13" s="10">
        <v>0.36629629629629629</v>
      </c>
    </row>
    <row r="14" spans="1:10" x14ac:dyDescent="0.45">
      <c r="A14" s="25">
        <v>11</v>
      </c>
      <c r="B14" s="26">
        <v>45521</v>
      </c>
      <c r="C14" s="27" t="s">
        <v>28</v>
      </c>
      <c r="D14" s="28">
        <v>0.16537037037037036</v>
      </c>
    </row>
    <row r="15" spans="1:10" x14ac:dyDescent="0.45">
      <c r="A15" s="25">
        <v>12</v>
      </c>
      <c r="B15" s="26">
        <v>45584</v>
      </c>
      <c r="C15" s="27" t="s">
        <v>29</v>
      </c>
      <c r="D15" s="28">
        <v>0.15802083333333333</v>
      </c>
    </row>
    <row r="16" spans="1:10" x14ac:dyDescent="0.45">
      <c r="A16" s="25">
        <v>13</v>
      </c>
      <c r="B16" s="26">
        <v>45640</v>
      </c>
      <c r="C16" s="27" t="s">
        <v>30</v>
      </c>
      <c r="D16" s="28">
        <v>0.16912037037037037</v>
      </c>
    </row>
    <row r="17" spans="1:7" x14ac:dyDescent="0.45">
      <c r="A17" s="21">
        <v>14</v>
      </c>
      <c r="B17" s="22">
        <v>45650</v>
      </c>
      <c r="C17" s="23" t="s">
        <v>31</v>
      </c>
      <c r="D17" s="24">
        <v>0.1605324074074074</v>
      </c>
    </row>
    <row r="18" spans="1:7" x14ac:dyDescent="0.45">
      <c r="A18" s="25">
        <v>15</v>
      </c>
      <c r="B18" s="26">
        <v>45703</v>
      </c>
      <c r="C18" s="27" t="s">
        <v>32</v>
      </c>
      <c r="D18" s="28">
        <v>0.1844675925925926</v>
      </c>
    </row>
    <row r="19" spans="1:7" x14ac:dyDescent="0.45">
      <c r="A19" s="21">
        <v>16</v>
      </c>
      <c r="B19" s="22">
        <v>45773</v>
      </c>
      <c r="C19" s="23" t="s">
        <v>33</v>
      </c>
      <c r="D19" s="24">
        <v>0.16770833333333332</v>
      </c>
    </row>
    <row r="20" spans="1:7" ht="15.75" x14ac:dyDescent="0.45">
      <c r="A20" s="21">
        <v>17</v>
      </c>
      <c r="B20" s="22">
        <v>45892</v>
      </c>
      <c r="C20" s="23" t="s">
        <v>34</v>
      </c>
      <c r="D20" s="24">
        <v>0.18451388888888889</v>
      </c>
      <c r="F20" s="13"/>
      <c r="G20" s="13"/>
    </row>
    <row r="21" spans="1:7" ht="15.75" x14ac:dyDescent="0.45">
      <c r="A21" s="21">
        <v>18</v>
      </c>
      <c r="B21" s="22">
        <v>45905</v>
      </c>
      <c r="C21" s="23" t="s">
        <v>35</v>
      </c>
      <c r="D21" s="24">
        <v>0.16469907407407408</v>
      </c>
      <c r="F21" s="13"/>
      <c r="G21" s="13"/>
    </row>
    <row r="22" spans="1:7" ht="15.75" x14ac:dyDescent="0.45">
      <c r="A22" s="21">
        <v>19</v>
      </c>
      <c r="B22" s="22">
        <v>45928</v>
      </c>
      <c r="C22" s="23" t="s">
        <v>36</v>
      </c>
      <c r="D22" s="29">
        <v>0.16471064814814815</v>
      </c>
      <c r="F22" s="20"/>
      <c r="G22" s="13"/>
    </row>
    <row r="23" spans="1:7" ht="15.75" x14ac:dyDescent="0.45">
      <c r="A23" s="21">
        <v>20</v>
      </c>
      <c r="B23" s="22">
        <v>45935</v>
      </c>
      <c r="C23" s="23" t="s">
        <v>37</v>
      </c>
      <c r="D23" s="29">
        <v>0.1603125</v>
      </c>
      <c r="F23" s="20"/>
      <c r="G23" s="13"/>
    </row>
    <row r="24" spans="1:7" ht="15.75" x14ac:dyDescent="0.45">
      <c r="A24" s="21">
        <v>21</v>
      </c>
      <c r="B24" s="22">
        <v>45942</v>
      </c>
      <c r="C24" s="23" t="s">
        <v>38</v>
      </c>
      <c r="D24" s="24">
        <v>0.16218750000000001</v>
      </c>
      <c r="F24" s="13"/>
      <c r="G24" s="13"/>
    </row>
    <row r="25" spans="1:7" ht="15.75" x14ac:dyDescent="0.45">
      <c r="A25" s="21">
        <v>22</v>
      </c>
      <c r="B25" s="22">
        <v>45949</v>
      </c>
      <c r="C25" s="23" t="s">
        <v>39</v>
      </c>
      <c r="D25" s="24">
        <v>0.16619212962962962</v>
      </c>
      <c r="F25" s="13"/>
      <c r="G25" s="13"/>
    </row>
    <row r="26" spans="1:7" ht="15.75" x14ac:dyDescent="0.45">
      <c r="A26" s="21">
        <v>23</v>
      </c>
      <c r="B26" s="22">
        <v>45955</v>
      </c>
      <c r="C26" s="23" t="s">
        <v>40</v>
      </c>
      <c r="D26" s="24">
        <v>0.16089120370370372</v>
      </c>
      <c r="F26" s="13"/>
      <c r="G26" s="13"/>
    </row>
    <row r="27" spans="1:7" ht="15.75" x14ac:dyDescent="0.45">
      <c r="A27" s="21">
        <v>24</v>
      </c>
      <c r="B27" s="22">
        <v>45961</v>
      </c>
      <c r="C27" s="23" t="s">
        <v>41</v>
      </c>
      <c r="D27" s="24">
        <v>0.17482638888888888</v>
      </c>
      <c r="F27" s="13"/>
      <c r="G27" s="13"/>
    </row>
    <row r="28" spans="1:7" ht="15.75" x14ac:dyDescent="0.45">
      <c r="A28" s="21">
        <v>25</v>
      </c>
      <c r="B28" s="22">
        <v>45968</v>
      </c>
      <c r="C28" s="23" t="s">
        <v>42</v>
      </c>
      <c r="D28" s="24">
        <v>0.15600694444444443</v>
      </c>
      <c r="F28" s="13"/>
      <c r="G28" s="13"/>
    </row>
    <row r="29" spans="1:7" ht="15.75" x14ac:dyDescent="0.45">
      <c r="A29" s="21">
        <v>26</v>
      </c>
      <c r="B29" s="22">
        <v>45970</v>
      </c>
      <c r="C29" s="23" t="s">
        <v>43</v>
      </c>
      <c r="D29" s="24">
        <v>0.15413194444444445</v>
      </c>
      <c r="F29" s="13"/>
      <c r="G29" s="13"/>
    </row>
    <row r="30" spans="1:7" ht="15.75" x14ac:dyDescent="0.45">
      <c r="A30" s="21">
        <v>27</v>
      </c>
      <c r="B30" s="22">
        <v>45976</v>
      </c>
      <c r="C30" s="23" t="s">
        <v>44</v>
      </c>
      <c r="D30" s="24">
        <v>0.16086805555555556</v>
      </c>
      <c r="F30" s="13"/>
      <c r="G30" s="13"/>
    </row>
    <row r="31" spans="1:7" ht="15.75" x14ac:dyDescent="0.45">
      <c r="A31" s="21">
        <v>28</v>
      </c>
      <c r="B31" s="22">
        <v>45981</v>
      </c>
      <c r="C31" s="23" t="s">
        <v>45</v>
      </c>
      <c r="D31" s="24">
        <v>0.16105324074074073</v>
      </c>
      <c r="F31" s="13"/>
      <c r="G31" s="13"/>
    </row>
    <row r="32" spans="1:7" ht="15.75" x14ac:dyDescent="0.45">
      <c r="A32" s="21">
        <v>29</v>
      </c>
      <c r="B32" s="22">
        <v>45989</v>
      </c>
      <c r="C32" s="23" t="s">
        <v>45</v>
      </c>
      <c r="D32" s="24">
        <v>0.15896990740740741</v>
      </c>
      <c r="F32" s="13"/>
      <c r="G32" s="13"/>
    </row>
    <row r="33" spans="1:7" ht="15.75" x14ac:dyDescent="0.45">
      <c r="A33" s="21">
        <v>30</v>
      </c>
      <c r="B33" s="22">
        <v>45991</v>
      </c>
      <c r="C33" s="23" t="s">
        <v>46</v>
      </c>
      <c r="D33" s="24">
        <v>0.16211805555555556</v>
      </c>
      <c r="F33" s="13"/>
      <c r="G33" s="13"/>
    </row>
    <row r="34" spans="1:7" ht="15.75" x14ac:dyDescent="0.45">
      <c r="A34" s="21">
        <v>31</v>
      </c>
      <c r="B34" s="22">
        <v>45998</v>
      </c>
      <c r="C34" s="23" t="s">
        <v>47</v>
      </c>
      <c r="D34" s="24">
        <v>0.15913194444444445</v>
      </c>
      <c r="F34" s="13"/>
      <c r="G34" s="13"/>
    </row>
    <row r="35" spans="1:7" ht="15.75" x14ac:dyDescent="0.45">
      <c r="A35" s="21">
        <v>32</v>
      </c>
      <c r="B35" s="22">
        <v>46004</v>
      </c>
      <c r="C35" s="23" t="s">
        <v>48</v>
      </c>
      <c r="D35" s="24">
        <v>0.15101851851851852</v>
      </c>
      <c r="F35" s="13"/>
      <c r="G35" s="13"/>
    </row>
    <row r="36" spans="1:7" ht="15.75" x14ac:dyDescent="0.45">
      <c r="A36" s="21">
        <v>33</v>
      </c>
      <c r="B36" s="22">
        <v>46012</v>
      </c>
      <c r="C36" s="23" t="s">
        <v>49</v>
      </c>
      <c r="D36" s="24">
        <v>0.15317129629629631</v>
      </c>
      <c r="F36" s="13"/>
      <c r="G36" s="13"/>
    </row>
    <row r="37" spans="1:7" ht="15.75" x14ac:dyDescent="0.45">
      <c r="A37" s="21">
        <v>34</v>
      </c>
      <c r="B37" s="22">
        <v>46014</v>
      </c>
      <c r="C37" s="23" t="s">
        <v>50</v>
      </c>
      <c r="D37" s="24">
        <v>0.16375000000000001</v>
      </c>
      <c r="F37" s="13"/>
      <c r="G37" s="13"/>
    </row>
    <row r="38" spans="1:7" ht="15.75" x14ac:dyDescent="0.45">
      <c r="A38" s="21">
        <v>35</v>
      </c>
      <c r="B38" s="22">
        <v>46015</v>
      </c>
      <c r="C38" s="23" t="s">
        <v>51</v>
      </c>
      <c r="D38" s="24">
        <v>0.15746527777777777</v>
      </c>
      <c r="F38" s="13"/>
      <c r="G38" s="13"/>
    </row>
    <row r="39" spans="1:7" ht="15.75" x14ac:dyDescent="0.45">
      <c r="A39" s="21">
        <v>36</v>
      </c>
      <c r="B39" s="22">
        <v>46018</v>
      </c>
      <c r="C39" s="23" t="s">
        <v>52</v>
      </c>
      <c r="D39" s="24">
        <v>0.1724074074074074</v>
      </c>
      <c r="F39" s="13"/>
      <c r="G39" s="13"/>
    </row>
    <row r="40" spans="1:7" ht="15.75" x14ac:dyDescent="0.45">
      <c r="A40" s="21">
        <v>37</v>
      </c>
      <c r="B40" s="22">
        <v>46020</v>
      </c>
      <c r="C40" s="15" t="s">
        <v>53</v>
      </c>
      <c r="D40" s="24">
        <v>0.15998842592592594</v>
      </c>
      <c r="F40" s="13"/>
      <c r="G40" s="13"/>
    </row>
    <row r="41" spans="1:7" ht="15.75" x14ac:dyDescent="0.45">
      <c r="A41" s="21">
        <v>38</v>
      </c>
      <c r="B41" s="22">
        <v>46022</v>
      </c>
      <c r="C41" s="23" t="s">
        <v>54</v>
      </c>
      <c r="D41" s="24">
        <v>0.15869212962962964</v>
      </c>
      <c r="F41" s="13"/>
      <c r="G41" s="13"/>
    </row>
    <row r="42" spans="1:7" ht="15.75" x14ac:dyDescent="0.45">
      <c r="A42" s="21">
        <v>39</v>
      </c>
      <c r="B42" s="22">
        <v>46024</v>
      </c>
      <c r="C42" s="23" t="s">
        <v>42</v>
      </c>
      <c r="D42" s="24">
        <v>0.15605324074074073</v>
      </c>
      <c r="F42" s="13"/>
      <c r="G42" s="13"/>
    </row>
    <row r="43" spans="1:7" ht="15.75" x14ac:dyDescent="0.45">
      <c r="A43" s="21">
        <v>40</v>
      </c>
      <c r="B43" s="22">
        <v>46032</v>
      </c>
      <c r="C43" s="23" t="s">
        <v>55</v>
      </c>
      <c r="D43" s="24">
        <v>0.16583333333333333</v>
      </c>
      <c r="F43" s="13"/>
      <c r="G43" s="13"/>
    </row>
    <row r="44" spans="1:7" ht="15.75" x14ac:dyDescent="0.45">
      <c r="A44" s="21">
        <v>41</v>
      </c>
      <c r="B44" s="22">
        <v>46033</v>
      </c>
      <c r="C44" s="23" t="s">
        <v>56</v>
      </c>
      <c r="D44" s="24">
        <v>0.15662037037037038</v>
      </c>
      <c r="F44" s="13"/>
    </row>
    <row r="45" spans="1:7" ht="15.75" x14ac:dyDescent="0.45">
      <c r="A45" s="21">
        <v>42</v>
      </c>
      <c r="B45" s="22">
        <v>46039</v>
      </c>
      <c r="C45" s="23" t="s">
        <v>57</v>
      </c>
      <c r="D45" s="24">
        <v>0.16141203703703705</v>
      </c>
      <c r="F45" s="13"/>
    </row>
    <row r="46" spans="1:7" ht="15.75" x14ac:dyDescent="0.45">
      <c r="A46" s="21">
        <v>43</v>
      </c>
      <c r="B46" s="22">
        <v>46045</v>
      </c>
      <c r="C46" s="23" t="s">
        <v>42</v>
      </c>
      <c r="D46" s="24">
        <v>0.15275462962962963</v>
      </c>
      <c r="F46" s="13"/>
    </row>
    <row r="47" spans="1:7" ht="15.75" x14ac:dyDescent="0.45">
      <c r="A47" s="21">
        <v>44</v>
      </c>
      <c r="B47" s="22">
        <v>46046</v>
      </c>
      <c r="C47" s="23" t="s">
        <v>58</v>
      </c>
      <c r="D47" s="24">
        <v>0.15629629629629629</v>
      </c>
      <c r="F47" s="13"/>
    </row>
    <row r="48" spans="1:7" ht="15.75" x14ac:dyDescent="0.45">
      <c r="A48" s="21">
        <v>45</v>
      </c>
      <c r="B48" s="22">
        <v>46051</v>
      </c>
      <c r="C48" s="23" t="s">
        <v>42</v>
      </c>
      <c r="D48" s="24">
        <v>0.15019675925925927</v>
      </c>
      <c r="F48" s="13"/>
    </row>
    <row r="49" spans="1:6" ht="15.75" x14ac:dyDescent="0.45">
      <c r="A49" s="21">
        <v>46</v>
      </c>
      <c r="B49" s="26">
        <v>46058</v>
      </c>
      <c r="C49" s="27" t="s">
        <v>59</v>
      </c>
      <c r="D49" s="28">
        <v>0.14982638888888888</v>
      </c>
      <c r="F49" s="13"/>
    </row>
    <row r="50" spans="1:6" ht="15.75" x14ac:dyDescent="0.45">
      <c r="A50" s="25">
        <v>47</v>
      </c>
      <c r="B50" s="26">
        <v>46062</v>
      </c>
      <c r="C50" s="27" t="s">
        <v>55</v>
      </c>
      <c r="D50" s="28">
        <v>0.16633101851851853</v>
      </c>
      <c r="F50" s="13"/>
    </row>
    <row r="51" spans="1:6" ht="15.75" x14ac:dyDescent="0.45">
      <c r="A51" s="25">
        <v>48</v>
      </c>
      <c r="B51" s="26">
        <v>46067</v>
      </c>
      <c r="C51" s="27" t="s">
        <v>60</v>
      </c>
      <c r="D51" s="28">
        <v>0.16506944444444444</v>
      </c>
      <c r="F51" s="13"/>
    </row>
    <row r="52" spans="1:6" ht="15.75" x14ac:dyDescent="0.45">
      <c r="A52" s="25">
        <v>49</v>
      </c>
      <c r="B52" s="26">
        <v>46073</v>
      </c>
      <c r="C52" s="27" t="s">
        <v>42</v>
      </c>
      <c r="D52" s="28">
        <v>0.15633101851851852</v>
      </c>
      <c r="F52" s="13"/>
    </row>
    <row r="53" spans="1:6" ht="15.75" x14ac:dyDescent="0.45">
      <c r="A53" s="25">
        <v>50</v>
      </c>
      <c r="B53" s="26">
        <v>46075</v>
      </c>
      <c r="C53" s="27" t="s">
        <v>61</v>
      </c>
      <c r="D53" s="28">
        <v>0.1524537037037037</v>
      </c>
      <c r="F53" s="13"/>
    </row>
    <row r="54" spans="1:6" ht="15.75" x14ac:dyDescent="0.45">
      <c r="A54" s="25">
        <v>51</v>
      </c>
      <c r="B54" s="26">
        <v>46081</v>
      </c>
      <c r="C54" s="27" t="s">
        <v>62</v>
      </c>
      <c r="D54" s="28">
        <v>0.15078703703703702</v>
      </c>
      <c r="F54" s="13"/>
    </row>
    <row r="55" spans="1:6" ht="15.75" x14ac:dyDescent="0.45">
      <c r="A55" s="25">
        <v>52</v>
      </c>
      <c r="B55" s="26">
        <v>46088</v>
      </c>
      <c r="C55" s="27" t="s">
        <v>63</v>
      </c>
      <c r="D55" s="28">
        <v>0.15281249999999999</v>
      </c>
      <c r="F55" s="13"/>
    </row>
    <row r="56" spans="1:6" ht="15.75" x14ac:dyDescent="0.45">
      <c r="A56" s="25">
        <v>53</v>
      </c>
      <c r="B56" s="26">
        <v>46089</v>
      </c>
      <c r="C56" s="27" t="s">
        <v>55</v>
      </c>
      <c r="D56" s="28">
        <v>0.15763888888888888</v>
      </c>
      <c r="F56" s="13"/>
    </row>
    <row r="57" spans="1:6" ht="15.75" x14ac:dyDescent="0.45">
      <c r="A57" s="25">
        <v>54</v>
      </c>
      <c r="B57" s="26">
        <v>46096</v>
      </c>
      <c r="C57" s="27" t="s">
        <v>64</v>
      </c>
      <c r="D57" s="28">
        <v>0.15729166666666666</v>
      </c>
      <c r="F57" s="13"/>
    </row>
    <row r="58" spans="1:6" ht="15.75" x14ac:dyDescent="0.45">
      <c r="A58" s="25">
        <v>55</v>
      </c>
      <c r="B58" s="26">
        <v>46102</v>
      </c>
      <c r="C58" s="27" t="s">
        <v>65</v>
      </c>
      <c r="D58" s="24">
        <v>0.1469212962962963</v>
      </c>
      <c r="F58" s="13"/>
    </row>
    <row r="59" spans="1:6" ht="15.75" x14ac:dyDescent="0.45">
      <c r="A59" s="25">
        <v>56</v>
      </c>
      <c r="B59" s="26">
        <v>46103</v>
      </c>
      <c r="C59" s="27" t="s">
        <v>66</v>
      </c>
      <c r="D59" s="24">
        <v>0.14616898148148147</v>
      </c>
      <c r="F59" s="13"/>
    </row>
    <row r="60" spans="1:6" ht="15.75" x14ac:dyDescent="0.45">
      <c r="A60" s="25">
        <v>57</v>
      </c>
      <c r="B60" s="26">
        <v>46108</v>
      </c>
      <c r="C60" s="27" t="s">
        <v>45</v>
      </c>
      <c r="D60" s="24">
        <v>0.15559027777777779</v>
      </c>
      <c r="F60" s="13"/>
    </row>
    <row r="61" spans="1:6" ht="15.75" x14ac:dyDescent="0.45">
      <c r="A61" s="25">
        <v>58</v>
      </c>
      <c r="B61" s="26">
        <v>46113</v>
      </c>
      <c r="C61" s="27" t="s">
        <v>45</v>
      </c>
      <c r="D61" s="24">
        <v>0.15694444444444444</v>
      </c>
      <c r="F61" s="13"/>
    </row>
    <row r="62" spans="1:6" ht="15.75" x14ac:dyDescent="0.45">
      <c r="A62" s="25">
        <v>59</v>
      </c>
      <c r="B62" s="26">
        <v>46114</v>
      </c>
      <c r="C62" s="27" t="s">
        <v>48</v>
      </c>
      <c r="D62" s="24">
        <v>0.14960648148148148</v>
      </c>
      <c r="F62" s="13"/>
    </row>
    <row r="63" spans="1:6" ht="15.75" x14ac:dyDescent="0.45">
      <c r="A63" s="25">
        <v>60</v>
      </c>
      <c r="B63" s="26">
        <v>46123</v>
      </c>
      <c r="C63" s="27" t="s">
        <v>67</v>
      </c>
      <c r="D63" s="28">
        <v>0.15398148148148147</v>
      </c>
      <c r="F63" s="13"/>
    </row>
    <row r="64" spans="1:6" ht="15.75" x14ac:dyDescent="0.45">
      <c r="A64" s="25">
        <v>61</v>
      </c>
      <c r="B64" s="26">
        <v>46124</v>
      </c>
      <c r="C64" s="30" t="s">
        <v>68</v>
      </c>
      <c r="D64" s="28">
        <v>0.16018518518518518</v>
      </c>
      <c r="F64" s="13"/>
    </row>
    <row r="65" spans="1:6" ht="15.75" x14ac:dyDescent="0.45">
      <c r="A65" s="25">
        <v>62</v>
      </c>
      <c r="B65" s="26">
        <v>46129</v>
      </c>
      <c r="C65" s="27" t="s">
        <v>69</v>
      </c>
      <c r="D65" s="28">
        <v>0.15335648148148148</v>
      </c>
      <c r="F65" s="13"/>
    </row>
    <row r="66" spans="1:6" ht="15.75" x14ac:dyDescent="0.45">
      <c r="A66" s="25">
        <v>63</v>
      </c>
      <c r="B66" s="26">
        <v>46130</v>
      </c>
      <c r="C66" s="27" t="s">
        <v>70</v>
      </c>
      <c r="D66" s="28">
        <v>0.15517361111111111</v>
      </c>
      <c r="F66" s="13"/>
    </row>
    <row r="67" spans="1:6" ht="15.75" x14ac:dyDescent="0.45">
      <c r="A67" s="25">
        <v>64</v>
      </c>
      <c r="B67" s="31">
        <v>46136</v>
      </c>
      <c r="C67" s="27" t="s">
        <v>45</v>
      </c>
      <c r="D67" s="28">
        <v>0.15208333333333332</v>
      </c>
      <c r="F67" s="13"/>
    </row>
    <row r="68" spans="1:6" ht="15.75" x14ac:dyDescent="0.45">
      <c r="A68" s="25">
        <v>65</v>
      </c>
      <c r="B68" s="31">
        <v>46138</v>
      </c>
      <c r="C68" s="27" t="s">
        <v>71</v>
      </c>
      <c r="D68" s="28">
        <v>0.14975694444444446</v>
      </c>
      <c r="F68" s="13"/>
    </row>
    <row r="69" spans="1:6" ht="15.75" x14ac:dyDescent="0.45">
      <c r="A69" s="25">
        <v>66</v>
      </c>
      <c r="B69" s="26">
        <v>46143</v>
      </c>
      <c r="C69" s="27" t="s">
        <v>72</v>
      </c>
      <c r="D69" s="28">
        <v>0.14766203703703704</v>
      </c>
      <c r="F69" s="13"/>
    </row>
    <row r="70" spans="1:6" ht="15.75" x14ac:dyDescent="0.45">
      <c r="A70" s="25">
        <v>67</v>
      </c>
      <c r="B70" s="26">
        <v>46152</v>
      </c>
      <c r="C70" s="27" t="s">
        <v>73</v>
      </c>
      <c r="D70" s="28">
        <v>0.13268518518518518</v>
      </c>
      <c r="F70" s="13"/>
    </row>
    <row r="71" spans="1:6" ht="15.75" x14ac:dyDescent="0.45">
      <c r="A71" s="25">
        <v>68</v>
      </c>
      <c r="B71" s="26">
        <v>46159</v>
      </c>
      <c r="C71" s="27" t="s">
        <v>74</v>
      </c>
      <c r="D71" s="28">
        <v>0.1580324074074074</v>
      </c>
      <c r="F71" s="13"/>
    </row>
    <row r="72" spans="1:6" ht="15.75" x14ac:dyDescent="0.45">
      <c r="A72" s="25">
        <v>69</v>
      </c>
      <c r="B72" s="26">
        <v>46165</v>
      </c>
      <c r="C72" s="27" t="s">
        <v>75</v>
      </c>
      <c r="D72" s="28">
        <v>0.15599537037037037</v>
      </c>
      <c r="F72" s="13"/>
    </row>
    <row r="73" spans="1:6" ht="15.75" x14ac:dyDescent="0.45">
      <c r="A73" s="25">
        <v>70</v>
      </c>
      <c r="B73" s="26">
        <v>46167</v>
      </c>
      <c r="C73" s="27" t="s">
        <v>76</v>
      </c>
      <c r="D73" s="28">
        <v>0.15304398148148149</v>
      </c>
      <c r="F73" s="13"/>
    </row>
    <row r="74" spans="1:6" ht="15.75" x14ac:dyDescent="0.45">
      <c r="A74" s="25">
        <v>71</v>
      </c>
      <c r="B74" s="26">
        <v>46172</v>
      </c>
      <c r="C74" s="27" t="s">
        <v>77</v>
      </c>
      <c r="D74" s="28">
        <v>0.15604166666666666</v>
      </c>
      <c r="F74" s="13"/>
    </row>
    <row r="75" spans="1:6" ht="15.75" x14ac:dyDescent="0.45">
      <c r="A75" s="25">
        <v>72</v>
      </c>
      <c r="B75" s="26">
        <v>46172</v>
      </c>
      <c r="C75" s="27" t="s">
        <v>78</v>
      </c>
      <c r="D75" s="28">
        <v>0.16119212962962962</v>
      </c>
      <c r="F75" s="13"/>
    </row>
    <row r="76" spans="1:6" ht="15.75" x14ac:dyDescent="0.45">
      <c r="A76" s="25">
        <v>73</v>
      </c>
      <c r="B76" s="26">
        <v>46173</v>
      </c>
      <c r="C76" s="27" t="s">
        <v>79</v>
      </c>
      <c r="D76" s="28">
        <v>0.16194444444444445</v>
      </c>
      <c r="F76" s="13"/>
    </row>
    <row r="77" spans="1:6" ht="15.75" x14ac:dyDescent="0.45">
      <c r="A77" s="25">
        <v>74</v>
      </c>
      <c r="B77" s="26">
        <v>46179</v>
      </c>
      <c r="C77" s="27" t="s">
        <v>80</v>
      </c>
      <c r="D77" s="28">
        <v>0.1628125</v>
      </c>
      <c r="F77" s="13"/>
    </row>
    <row r="78" spans="1:6" ht="15.75" x14ac:dyDescent="0.45">
      <c r="A78" s="25">
        <v>75</v>
      </c>
      <c r="B78" s="26">
        <v>46186</v>
      </c>
      <c r="C78" s="27" t="s">
        <v>81</v>
      </c>
      <c r="D78" s="28">
        <v>0.15186342592592592</v>
      </c>
      <c r="F78" s="13"/>
    </row>
    <row r="79" spans="1:6" ht="15.75" x14ac:dyDescent="0.45">
      <c r="A79" s="25">
        <v>76</v>
      </c>
      <c r="B79" s="26">
        <v>46192</v>
      </c>
      <c r="C79" s="27" t="s">
        <v>45</v>
      </c>
      <c r="D79" s="28">
        <v>0.15363425925925925</v>
      </c>
      <c r="F79" s="13"/>
    </row>
    <row r="80" spans="1:6" ht="15.75" x14ac:dyDescent="0.45">
      <c r="A80" s="25">
        <v>77</v>
      </c>
      <c r="B80" s="26">
        <v>46194</v>
      </c>
      <c r="C80" s="27" t="s">
        <v>82</v>
      </c>
      <c r="D80" s="28">
        <v>0.15275462962962963</v>
      </c>
      <c r="F80" s="13"/>
    </row>
    <row r="81" spans="1:6" ht="15.75" x14ac:dyDescent="0.45">
      <c r="A81" s="25">
        <v>78</v>
      </c>
      <c r="B81" s="26">
        <v>46199</v>
      </c>
      <c r="C81" s="27" t="s">
        <v>83</v>
      </c>
      <c r="D81" s="28">
        <v>0.16450231481481481</v>
      </c>
      <c r="F81" s="13"/>
    </row>
    <row r="82" spans="1:6" ht="15.75" x14ac:dyDescent="0.45">
      <c r="A82" s="25">
        <v>79</v>
      </c>
      <c r="B82" s="26">
        <v>46201</v>
      </c>
      <c r="C82" s="27" t="s">
        <v>84</v>
      </c>
      <c r="D82" s="28">
        <v>0.15905092592592593</v>
      </c>
      <c r="F82" s="13"/>
    </row>
    <row r="83" spans="1:6" ht="15.75" x14ac:dyDescent="0.45">
      <c r="A83" s="25">
        <v>80</v>
      </c>
      <c r="B83" s="26">
        <v>46204</v>
      </c>
      <c r="C83" s="27" t="s">
        <v>85</v>
      </c>
      <c r="D83" s="28">
        <v>0.15979166666666667</v>
      </c>
      <c r="F83" s="13"/>
    </row>
    <row r="84" spans="1:6" ht="15.75" x14ac:dyDescent="0.45">
      <c r="A84" s="25">
        <v>81</v>
      </c>
      <c r="B84" s="26">
        <v>46205</v>
      </c>
      <c r="C84" s="27" t="s">
        <v>86</v>
      </c>
      <c r="D84" s="28">
        <v>0.16184027777777779</v>
      </c>
      <c r="F84" s="13"/>
    </row>
    <row r="85" spans="1:6" ht="15.75" x14ac:dyDescent="0.45">
      <c r="A85" s="25">
        <v>82</v>
      </c>
      <c r="B85" s="26">
        <v>46207</v>
      </c>
      <c r="C85" s="27" t="s">
        <v>87</v>
      </c>
      <c r="D85" s="28">
        <v>0.15782407407407406</v>
      </c>
      <c r="F85" s="13"/>
    </row>
    <row r="86" spans="1:6" ht="15.75" x14ac:dyDescent="0.45">
      <c r="A86" s="25">
        <v>83</v>
      </c>
      <c r="B86" s="26">
        <v>46208</v>
      </c>
      <c r="C86" s="27" t="s">
        <v>88</v>
      </c>
      <c r="D86" s="28">
        <v>0.15385416666666665</v>
      </c>
      <c r="F86" s="13"/>
    </row>
    <row r="87" spans="1:6" ht="15.75" x14ac:dyDescent="0.45">
      <c r="A87" s="17"/>
      <c r="B87" s="16"/>
      <c r="C87" s="18"/>
      <c r="D87" s="19"/>
      <c r="F87" s="13"/>
    </row>
  </sheetData>
  <mergeCells count="2">
    <mergeCell ref="A1:D1"/>
    <mergeCell ref="A2:D2"/>
  </mergeCells>
  <pageMargins left="0.70866141732283472" right="0.70866141732283472" top="0.74803149606299213" bottom="0.74803149606299213" header="0.31496062992125984" footer="0.31496062992125984"/>
  <pageSetup paperSize="9" orientation="portrait" r:id="rId1"/>
  <headerFooter>
    <oddHeader>Page &amp;P of &amp;N</oddHead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 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BAE3DC5-B0FE-4B04-9B90-04D2E6E2011C}">
  <ds:schemaRefs/>
</ds:datastoreItem>
</file>

<file path=customXml/itemProps2.xml><?xml version="1.0" encoding="utf-8"?>
<ds:datastoreItem xmlns:ds="http://schemas.openxmlformats.org/officeDocument/2006/customXml" ds:itemID="{85D32A80-B063-4533-ACB9-5DD0CA4870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5-05-30T08:17:44Z</dcterms:created>
  <dcterms:modified xsi:type="dcterms:W3CDTF">2026-07-07T09:21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513d6eb5-b569-4ec8-bb5e-41841ec5db11_Enabled">
    <vt:lpwstr>true</vt:lpwstr>
  </property>
  <property fmtid="{D5CDD505-2E9C-101B-9397-08002B2CF9AE}" pid="3" name="MSIP_Label_513d6eb5-b569-4ec8-bb5e-41841ec5db11_SetDate">
    <vt:lpwstr>2024-10-29T14:36:15Z</vt:lpwstr>
  </property>
  <property fmtid="{D5CDD505-2E9C-101B-9397-08002B2CF9AE}" pid="4" name="MSIP_Label_513d6eb5-b569-4ec8-bb5e-41841ec5db11_Method">
    <vt:lpwstr>Standard</vt:lpwstr>
  </property>
  <property fmtid="{D5CDD505-2E9C-101B-9397-08002B2CF9AE}" pid="5" name="MSIP_Label_513d6eb5-b569-4ec8-bb5e-41841ec5db11_Name">
    <vt:lpwstr>Internal</vt:lpwstr>
  </property>
  <property fmtid="{D5CDD505-2E9C-101B-9397-08002B2CF9AE}" pid="6" name="MSIP_Label_513d6eb5-b569-4ec8-bb5e-41841ec5db11_SiteId">
    <vt:lpwstr>b131966a-2068-4b91-aeab-577ed32cecd1</vt:lpwstr>
  </property>
  <property fmtid="{D5CDD505-2E9C-101B-9397-08002B2CF9AE}" pid="7" name="MSIP_Label_513d6eb5-b569-4ec8-bb5e-41841ec5db11_ActionId">
    <vt:lpwstr>70ff4954-56e1-4e00-add1-5b9df61eba02</vt:lpwstr>
  </property>
  <property fmtid="{D5CDD505-2E9C-101B-9397-08002B2CF9AE}" pid="8" name="MSIP_Label_513d6eb5-b569-4ec8-bb5e-41841ec5db11_ContentBits">
    <vt:lpwstr>0</vt:lpwstr>
  </property>
  <property fmtid="{D5CDD505-2E9C-101B-9397-08002B2CF9AE}" pid="9" name="TemplafyTenantId">
    <vt:lpwstr>falck</vt:lpwstr>
  </property>
  <property fmtid="{D5CDD505-2E9C-101B-9397-08002B2CF9AE}" pid="10" name="TemplafyTemplateId">
    <vt:lpwstr>1037267648432570982</vt:lpwstr>
  </property>
  <property fmtid="{D5CDD505-2E9C-101B-9397-08002B2CF9AE}" pid="11" name="TemplafyUserProfileId">
    <vt:lpwstr>1176612183512711197</vt:lpwstr>
  </property>
  <property fmtid="{D5CDD505-2E9C-101B-9397-08002B2CF9AE}" pid="12" name="TemplafyLanguageCode">
    <vt:lpwstr>da-DK</vt:lpwstr>
  </property>
  <property fmtid="{D5CDD505-2E9C-101B-9397-08002B2CF9AE}" pid="13" name="TemplafyFromBlank">
    <vt:bool>true</vt:bool>
  </property>
</Properties>
</file>